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9 綾瀬市★　下水道\"/>
    </mc:Choice>
  </mc:AlternateContent>
  <workbookProtection workbookAlgorithmName="SHA-512" workbookHashValue="s190YxMHy9LsgXnFNBUYdvN7+emnqtFxpmq16U6kX8XW0xCEIBF14ZXjPPMW5UtLfJC+jb790R9LCXgtevEH5A==" workbookSaltValue="od4VyL7x8XzGVnx55NQMRw=="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BB8" i="4" s="1"/>
  <c r="T6" i="5"/>
  <c r="S6" i="5"/>
  <c r="AL8" i="4" s="1"/>
  <c r="R6" i="5"/>
  <c r="Q6" i="5"/>
  <c r="W10" i="4" s="1"/>
  <c r="P6" i="5"/>
  <c r="O6" i="5"/>
  <c r="I10" i="4" s="1"/>
  <c r="N6" i="5"/>
  <c r="M6" i="5"/>
  <c r="AD8" i="4" s="1"/>
  <c r="L6" i="5"/>
  <c r="K6" i="5"/>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AD10" i="4"/>
  <c r="P10" i="4"/>
  <c r="B10" i="4"/>
  <c r="AT8" i="4"/>
  <c r="W8" i="4"/>
  <c r="P8" i="4"/>
  <c r="B6" i="4"/>
</calcChain>
</file>

<file path=xl/sharedStrings.xml><?xml version="1.0" encoding="utf-8"?>
<sst xmlns="http://schemas.openxmlformats.org/spreadsheetml/2006/main" count="275" uniqueCount="118">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綾瀬市</t>
  </si>
  <si>
    <t>法適用</t>
  </si>
  <si>
    <t>下水道事業</t>
  </si>
  <si>
    <t>公共下水道</t>
  </si>
  <si>
    <t>B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綾瀬市では令和２年度から地方公営企業法の一部適用を開始し、公営企業会計となりました。
①経常収支比率については124%であり、類似団体平均値を上回りました。
②該当ありません。
③流動比率については、類似団体平均値を下回っております。これは１年以内（令和５年度）に償還する企業債の金額が大きいためです。なお、今後は企業債償還金の額は減少していく見込みです。
④企業債残高対事業規模比率については、類似団体平均値を下回り、減少傾向となっております。
⑤経費回収率については、96％と類似団体平均値を上回りましたが、100%に届いていない状況を考慮し、令和５年10月に使用料改定を実施しました。
⑥汚水処理原価については、ほぼ類似団体平均値と同様になりました。
⑦施設利用率については、ほぼ類似団体平均値と同様になりました。
⑧水洗化率については99％を超えており、類似団体平均値を上回りました。</t>
    <rPh sb="162" eb="164">
      <t>ショウカン</t>
    </rPh>
    <rPh sb="164" eb="165">
      <t>キン</t>
    </rPh>
    <rPh sb="212" eb="214">
      <t>ゲンショウ</t>
    </rPh>
    <rPh sb="214" eb="216">
      <t>ケイコウ</t>
    </rPh>
    <rPh sb="272" eb="274">
      <t>コウリョ</t>
    </rPh>
    <rPh sb="290" eb="292">
      <t>ジッシ</t>
    </rPh>
    <phoneticPr fontId="4"/>
  </si>
  <si>
    <t>　綾瀬市の公共下水道は供用開始から約36年が経過しており、管きょ・終末処理場共に更新時期が近づいている状況です。そのため、ストックマネジメント計画に基づき、順次、改築・更新を進めております。
①②有形固定資産減価償却率及び管渠老朽化率については数値上は低くなっておりますが、徐々に老朽化が進んでいる状況です。
③管渠改善率については、令和４年度は０％となりました。ストックマネジメント計画に基づき必要に応じて今後も管渠の更新を実施していきます。</t>
    <rPh sb="33" eb="35">
      <t>シュウマツ</t>
    </rPh>
    <rPh sb="35" eb="38">
      <t>ショリジョウ</t>
    </rPh>
    <rPh sb="38" eb="39">
      <t>トモ</t>
    </rPh>
    <rPh sb="40" eb="42">
      <t>コウシン</t>
    </rPh>
    <rPh sb="42" eb="44">
      <t>ジキ</t>
    </rPh>
    <rPh sb="45" eb="46">
      <t>チカ</t>
    </rPh>
    <rPh sb="51" eb="53">
      <t>ジョウキョウ</t>
    </rPh>
    <rPh sb="71" eb="73">
      <t>ケイカク</t>
    </rPh>
    <rPh sb="74" eb="75">
      <t>モト</t>
    </rPh>
    <rPh sb="78" eb="80">
      <t>ジュンジ</t>
    </rPh>
    <rPh sb="81" eb="83">
      <t>カイチク</t>
    </rPh>
    <rPh sb="84" eb="86">
      <t>コウシン</t>
    </rPh>
    <rPh sb="87" eb="88">
      <t>スス</t>
    </rPh>
    <rPh sb="138" eb="140">
      <t>ジョジョ</t>
    </rPh>
    <rPh sb="145" eb="146">
      <t>スス</t>
    </rPh>
    <rPh sb="150" eb="152">
      <t>ジョウキョウ</t>
    </rPh>
    <phoneticPr fontId="4"/>
  </si>
  <si>
    <t>　令和４年度の経費回収率は約96％であり、企業会計導入前の80％台と比べると改善されておりますが、100％に届いていない状況です。経費回収率の100％達成に向けて、令和５年10月に使用料の増額改定を実施しましたが、引き続き経費の削減に努めるとともに、下水道使用料の適正化を図ってまいります。
　また、今後老朽化が進んだ管渠の更新費用が発生する見込です。経営戦略及びストックマネジメント計画に基づき、更新に必要な資金を確保していくことが課題となっております。</t>
    <rPh sb="1" eb="3">
      <t>レイワ</t>
    </rPh>
    <rPh sb="54" eb="55">
      <t>トド</t>
    </rPh>
    <rPh sb="60" eb="62">
      <t>ジョウキョウ</t>
    </rPh>
    <rPh sb="75" eb="77">
      <t>タッセイ</t>
    </rPh>
    <rPh sb="78" eb="79">
      <t>ム</t>
    </rPh>
    <rPh sb="94" eb="96">
      <t>ゾウガク</t>
    </rPh>
    <rPh sb="99" eb="101">
      <t>ジッシ</t>
    </rPh>
    <rPh sb="107" eb="108">
      <t>ヒ</t>
    </rPh>
    <rPh sb="109" eb="110">
      <t>ツヅ</t>
    </rPh>
    <rPh sb="132" eb="135">
      <t>テキセイカ</t>
    </rPh>
    <rPh sb="136" eb="137">
      <t>ハ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9B03-4BAB-8969-68EF7E1CFD35}"/>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08</c:v>
                </c:pt>
                <c:pt idx="3">
                  <c:v>0.24</c:v>
                </c:pt>
                <c:pt idx="4">
                  <c:v>0.14000000000000001</c:v>
                </c:pt>
              </c:numCache>
            </c:numRef>
          </c:val>
          <c:smooth val="0"/>
          <c:extLst>
            <c:ext xmlns:c16="http://schemas.microsoft.com/office/drawing/2014/chart" uri="{C3380CC4-5D6E-409C-BE32-E72D297353CC}">
              <c16:uniqueId val="{00000001-9B03-4BAB-8969-68EF7E1CFD35}"/>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65.290000000000006</c:v>
                </c:pt>
                <c:pt idx="3">
                  <c:v>64.489999999999995</c:v>
                </c:pt>
                <c:pt idx="4">
                  <c:v>62.17</c:v>
                </c:pt>
              </c:numCache>
            </c:numRef>
          </c:val>
          <c:extLst>
            <c:ext xmlns:c16="http://schemas.microsoft.com/office/drawing/2014/chart" uri="{C3380CC4-5D6E-409C-BE32-E72D297353CC}">
              <c16:uniqueId val="{00000000-5C7A-4031-A64D-3617B4D5C54E}"/>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60.78</c:v>
                </c:pt>
                <c:pt idx="3">
                  <c:v>59.96</c:v>
                </c:pt>
                <c:pt idx="4">
                  <c:v>59.9</c:v>
                </c:pt>
              </c:numCache>
            </c:numRef>
          </c:val>
          <c:smooth val="0"/>
          <c:extLst>
            <c:ext xmlns:c16="http://schemas.microsoft.com/office/drawing/2014/chart" uri="{C3380CC4-5D6E-409C-BE32-E72D297353CC}">
              <c16:uniqueId val="{00000001-5C7A-4031-A64D-3617B4D5C54E}"/>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0</c:v>
                </c:pt>
                <c:pt idx="2">
                  <c:v>99.16</c:v>
                </c:pt>
                <c:pt idx="3">
                  <c:v>99.19</c:v>
                </c:pt>
                <c:pt idx="4">
                  <c:v>99.21</c:v>
                </c:pt>
              </c:numCache>
            </c:numRef>
          </c:val>
          <c:extLst>
            <c:ext xmlns:c16="http://schemas.microsoft.com/office/drawing/2014/chart" uri="{C3380CC4-5D6E-409C-BE32-E72D297353CC}">
              <c16:uniqueId val="{00000000-74CD-4470-A4DE-15380628C590}"/>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4.17</c:v>
                </c:pt>
                <c:pt idx="3">
                  <c:v>94.27</c:v>
                </c:pt>
                <c:pt idx="4">
                  <c:v>94.46</c:v>
                </c:pt>
              </c:numCache>
            </c:numRef>
          </c:val>
          <c:smooth val="0"/>
          <c:extLst>
            <c:ext xmlns:c16="http://schemas.microsoft.com/office/drawing/2014/chart" uri="{C3380CC4-5D6E-409C-BE32-E72D297353CC}">
              <c16:uniqueId val="{00000001-74CD-4470-A4DE-15380628C590}"/>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0</c:v>
                </c:pt>
                <c:pt idx="2">
                  <c:v>128.22999999999999</c:v>
                </c:pt>
                <c:pt idx="3">
                  <c:v>128.27000000000001</c:v>
                </c:pt>
                <c:pt idx="4">
                  <c:v>124.15</c:v>
                </c:pt>
              </c:numCache>
            </c:numRef>
          </c:val>
          <c:extLst>
            <c:ext xmlns:c16="http://schemas.microsoft.com/office/drawing/2014/chart" uri="{C3380CC4-5D6E-409C-BE32-E72D297353CC}">
              <c16:uniqueId val="{00000000-DF45-4CCD-B67E-D4E437FA9000}"/>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6.67</c:v>
                </c:pt>
                <c:pt idx="3">
                  <c:v>106.9</c:v>
                </c:pt>
                <c:pt idx="4">
                  <c:v>106.74</c:v>
                </c:pt>
              </c:numCache>
            </c:numRef>
          </c:val>
          <c:smooth val="0"/>
          <c:extLst>
            <c:ext xmlns:c16="http://schemas.microsoft.com/office/drawing/2014/chart" uri="{C3380CC4-5D6E-409C-BE32-E72D297353CC}">
              <c16:uniqueId val="{00000001-DF45-4CCD-B67E-D4E437FA9000}"/>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0</c:v>
                </c:pt>
                <c:pt idx="2">
                  <c:v>4.0999999999999996</c:v>
                </c:pt>
                <c:pt idx="3">
                  <c:v>7.99</c:v>
                </c:pt>
                <c:pt idx="4">
                  <c:v>11.69</c:v>
                </c:pt>
              </c:numCache>
            </c:numRef>
          </c:val>
          <c:extLst>
            <c:ext xmlns:c16="http://schemas.microsoft.com/office/drawing/2014/chart" uri="{C3380CC4-5D6E-409C-BE32-E72D297353CC}">
              <c16:uniqueId val="{00000000-2B88-4079-860E-7E37D8D2D910}"/>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23.25</c:v>
                </c:pt>
                <c:pt idx="3">
                  <c:v>25.2</c:v>
                </c:pt>
                <c:pt idx="4">
                  <c:v>27.42</c:v>
                </c:pt>
              </c:numCache>
            </c:numRef>
          </c:val>
          <c:smooth val="0"/>
          <c:extLst>
            <c:ext xmlns:c16="http://schemas.microsoft.com/office/drawing/2014/chart" uri="{C3380CC4-5D6E-409C-BE32-E72D297353CC}">
              <c16:uniqueId val="{00000001-2B88-4079-860E-7E37D8D2D910}"/>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9D11-40E0-87C1-7CDFDC324B49}"/>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1.06</c:v>
                </c:pt>
                <c:pt idx="3">
                  <c:v>2.02</c:v>
                </c:pt>
                <c:pt idx="4">
                  <c:v>2.67</c:v>
                </c:pt>
              </c:numCache>
            </c:numRef>
          </c:val>
          <c:smooth val="0"/>
          <c:extLst>
            <c:ext xmlns:c16="http://schemas.microsoft.com/office/drawing/2014/chart" uri="{C3380CC4-5D6E-409C-BE32-E72D297353CC}">
              <c16:uniqueId val="{00000001-9D11-40E0-87C1-7CDFDC324B49}"/>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3835-4C0C-9775-FC5DE3194E90}"/>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3.68</c:v>
                </c:pt>
                <c:pt idx="3">
                  <c:v>5.3</c:v>
                </c:pt>
                <c:pt idx="4">
                  <c:v>6.49</c:v>
                </c:pt>
              </c:numCache>
            </c:numRef>
          </c:val>
          <c:smooth val="0"/>
          <c:extLst>
            <c:ext xmlns:c16="http://schemas.microsoft.com/office/drawing/2014/chart" uri="{C3380CC4-5D6E-409C-BE32-E72D297353CC}">
              <c16:uniqueId val="{00000001-3835-4C0C-9775-FC5DE3194E90}"/>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0</c:v>
                </c:pt>
                <c:pt idx="2">
                  <c:v>16</c:v>
                </c:pt>
                <c:pt idx="3">
                  <c:v>26.16</c:v>
                </c:pt>
                <c:pt idx="4">
                  <c:v>29.98</c:v>
                </c:pt>
              </c:numCache>
            </c:numRef>
          </c:val>
          <c:extLst>
            <c:ext xmlns:c16="http://schemas.microsoft.com/office/drawing/2014/chart" uri="{C3380CC4-5D6E-409C-BE32-E72D297353CC}">
              <c16:uniqueId val="{00000000-95C4-4829-8C6E-1978FCA925B1}"/>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67.86</c:v>
                </c:pt>
                <c:pt idx="3">
                  <c:v>72.92</c:v>
                </c:pt>
                <c:pt idx="4">
                  <c:v>81.19</c:v>
                </c:pt>
              </c:numCache>
            </c:numRef>
          </c:val>
          <c:smooth val="0"/>
          <c:extLst>
            <c:ext xmlns:c16="http://schemas.microsoft.com/office/drawing/2014/chart" uri="{C3380CC4-5D6E-409C-BE32-E72D297353CC}">
              <c16:uniqueId val="{00000001-95C4-4829-8C6E-1978FCA925B1}"/>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0</c:v>
                </c:pt>
                <c:pt idx="2">
                  <c:v>680.84</c:v>
                </c:pt>
                <c:pt idx="3">
                  <c:v>610.02</c:v>
                </c:pt>
                <c:pt idx="4">
                  <c:v>570.01</c:v>
                </c:pt>
              </c:numCache>
            </c:numRef>
          </c:val>
          <c:extLst>
            <c:ext xmlns:c16="http://schemas.microsoft.com/office/drawing/2014/chart" uri="{C3380CC4-5D6E-409C-BE32-E72D297353CC}">
              <c16:uniqueId val="{00000000-3E4D-4A60-BB09-CE0BADF5F2AE}"/>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709.4</c:v>
                </c:pt>
                <c:pt idx="3">
                  <c:v>734.47</c:v>
                </c:pt>
                <c:pt idx="4">
                  <c:v>720.89</c:v>
                </c:pt>
              </c:numCache>
            </c:numRef>
          </c:val>
          <c:smooth val="0"/>
          <c:extLst>
            <c:ext xmlns:c16="http://schemas.microsoft.com/office/drawing/2014/chart" uri="{C3380CC4-5D6E-409C-BE32-E72D297353CC}">
              <c16:uniqueId val="{00000001-3E4D-4A60-BB09-CE0BADF5F2AE}"/>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0</c:v>
                </c:pt>
                <c:pt idx="2">
                  <c:v>96.35</c:v>
                </c:pt>
                <c:pt idx="3">
                  <c:v>97.23</c:v>
                </c:pt>
                <c:pt idx="4">
                  <c:v>95.77</c:v>
                </c:pt>
              </c:numCache>
            </c:numRef>
          </c:val>
          <c:extLst>
            <c:ext xmlns:c16="http://schemas.microsoft.com/office/drawing/2014/chart" uri="{C3380CC4-5D6E-409C-BE32-E72D297353CC}">
              <c16:uniqueId val="{00000000-5BC4-47EE-BA29-8604EDA72B1C}"/>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91.14</c:v>
                </c:pt>
                <c:pt idx="3">
                  <c:v>90.69</c:v>
                </c:pt>
                <c:pt idx="4">
                  <c:v>90.5</c:v>
                </c:pt>
              </c:numCache>
            </c:numRef>
          </c:val>
          <c:smooth val="0"/>
          <c:extLst>
            <c:ext xmlns:c16="http://schemas.microsoft.com/office/drawing/2014/chart" uri="{C3380CC4-5D6E-409C-BE32-E72D297353CC}">
              <c16:uniqueId val="{00000001-5BC4-47EE-BA29-8604EDA72B1C}"/>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0</c:v>
                </c:pt>
                <c:pt idx="2">
                  <c:v>136</c:v>
                </c:pt>
                <c:pt idx="3">
                  <c:v>135.44</c:v>
                </c:pt>
                <c:pt idx="4">
                  <c:v>137.24</c:v>
                </c:pt>
              </c:numCache>
            </c:numRef>
          </c:val>
          <c:extLst>
            <c:ext xmlns:c16="http://schemas.microsoft.com/office/drawing/2014/chart" uri="{C3380CC4-5D6E-409C-BE32-E72D297353CC}">
              <c16:uniqueId val="{00000000-60EE-4D99-9E8F-3D4703F549BD}"/>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36.86000000000001</c:v>
                </c:pt>
                <c:pt idx="3">
                  <c:v>138.52000000000001</c:v>
                </c:pt>
                <c:pt idx="4">
                  <c:v>138.66999999999999</c:v>
                </c:pt>
              </c:numCache>
            </c:numRef>
          </c:val>
          <c:smooth val="0"/>
          <c:extLst>
            <c:ext xmlns:c16="http://schemas.microsoft.com/office/drawing/2014/chart" uri="{C3380CC4-5D6E-409C-BE32-E72D297353CC}">
              <c16:uniqueId val="{00000001-60EE-4D99-9E8F-3D4703F549BD}"/>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46" zoomScaleNormal="100" workbookViewId="0">
      <selection activeCell="B60" sqref="B60:BJ61"/>
    </sheetView>
  </sheetViews>
  <sheetFormatPr defaultColWidth="2.5546875" defaultRowHeight="13.2" x14ac:dyDescent="0.2"/>
  <cols>
    <col min="1" max="1" width="2.5546875" customWidth="1"/>
    <col min="2" max="62" width="3.664062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綾瀬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Bc1</v>
      </c>
      <c r="X8" s="65"/>
      <c r="Y8" s="65"/>
      <c r="Z8" s="65"/>
      <c r="AA8" s="65"/>
      <c r="AB8" s="65"/>
      <c r="AC8" s="65"/>
      <c r="AD8" s="66" t="str">
        <f>データ!$M$6</f>
        <v>非設置</v>
      </c>
      <c r="AE8" s="66"/>
      <c r="AF8" s="66"/>
      <c r="AG8" s="66"/>
      <c r="AH8" s="66"/>
      <c r="AI8" s="66"/>
      <c r="AJ8" s="66"/>
      <c r="AK8" s="3"/>
      <c r="AL8" s="45">
        <f>データ!S6</f>
        <v>84376</v>
      </c>
      <c r="AM8" s="45"/>
      <c r="AN8" s="45"/>
      <c r="AO8" s="45"/>
      <c r="AP8" s="45"/>
      <c r="AQ8" s="45"/>
      <c r="AR8" s="45"/>
      <c r="AS8" s="45"/>
      <c r="AT8" s="46">
        <f>データ!T6</f>
        <v>22.14</v>
      </c>
      <c r="AU8" s="46"/>
      <c r="AV8" s="46"/>
      <c r="AW8" s="46"/>
      <c r="AX8" s="46"/>
      <c r="AY8" s="46"/>
      <c r="AZ8" s="46"/>
      <c r="BA8" s="46"/>
      <c r="BB8" s="46">
        <f>データ!U6</f>
        <v>3811.02</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f>データ!O6</f>
        <v>73.599999999999994</v>
      </c>
      <c r="J10" s="46"/>
      <c r="K10" s="46"/>
      <c r="L10" s="46"/>
      <c r="M10" s="46"/>
      <c r="N10" s="46"/>
      <c r="O10" s="46"/>
      <c r="P10" s="46">
        <f>データ!P6</f>
        <v>94.35</v>
      </c>
      <c r="Q10" s="46"/>
      <c r="R10" s="46"/>
      <c r="S10" s="46"/>
      <c r="T10" s="46"/>
      <c r="U10" s="46"/>
      <c r="V10" s="46"/>
      <c r="W10" s="46">
        <f>データ!Q6</f>
        <v>87.43</v>
      </c>
      <c r="X10" s="46"/>
      <c r="Y10" s="46"/>
      <c r="Z10" s="46"/>
      <c r="AA10" s="46"/>
      <c r="AB10" s="46"/>
      <c r="AC10" s="46"/>
      <c r="AD10" s="45">
        <f>データ!R6</f>
        <v>2289</v>
      </c>
      <c r="AE10" s="45"/>
      <c r="AF10" s="45"/>
      <c r="AG10" s="45"/>
      <c r="AH10" s="45"/>
      <c r="AI10" s="45"/>
      <c r="AJ10" s="45"/>
      <c r="AK10" s="2"/>
      <c r="AL10" s="45">
        <f>データ!V6</f>
        <v>79481</v>
      </c>
      <c r="AM10" s="45"/>
      <c r="AN10" s="45"/>
      <c r="AO10" s="45"/>
      <c r="AP10" s="45"/>
      <c r="AQ10" s="45"/>
      <c r="AR10" s="45"/>
      <c r="AS10" s="45"/>
      <c r="AT10" s="46">
        <f>データ!W6</f>
        <v>11.02</v>
      </c>
      <c r="AU10" s="46"/>
      <c r="AV10" s="46"/>
      <c r="AW10" s="46"/>
      <c r="AX10" s="46"/>
      <c r="AY10" s="46"/>
      <c r="AZ10" s="46"/>
      <c r="BA10" s="46"/>
      <c r="BB10" s="46">
        <f>データ!X6</f>
        <v>7212.43</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5</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6</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7</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5eXELiJv3kKAqIkCj5Ex7vLQDYvMvmmoDVAVis31kAV8pBbvmPUaSGdiDbdPg2tSCbpIIGpw73uoVXUtLH7Idg==" saltValue="2Qclx8Z5VbuVS8x/uTA1WA=="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182</v>
      </c>
      <c r="D6" s="19">
        <f t="shared" si="3"/>
        <v>46</v>
      </c>
      <c r="E6" s="19">
        <f t="shared" si="3"/>
        <v>17</v>
      </c>
      <c r="F6" s="19">
        <f t="shared" si="3"/>
        <v>1</v>
      </c>
      <c r="G6" s="19">
        <f t="shared" si="3"/>
        <v>0</v>
      </c>
      <c r="H6" s="19" t="str">
        <f t="shared" si="3"/>
        <v>神奈川県　綾瀬市</v>
      </c>
      <c r="I6" s="19" t="str">
        <f t="shared" si="3"/>
        <v>法適用</v>
      </c>
      <c r="J6" s="19" t="str">
        <f t="shared" si="3"/>
        <v>下水道事業</v>
      </c>
      <c r="K6" s="19" t="str">
        <f t="shared" si="3"/>
        <v>公共下水道</v>
      </c>
      <c r="L6" s="19" t="str">
        <f t="shared" si="3"/>
        <v>Bc1</v>
      </c>
      <c r="M6" s="19" t="str">
        <f t="shared" si="3"/>
        <v>非設置</v>
      </c>
      <c r="N6" s="20" t="str">
        <f t="shared" si="3"/>
        <v>-</v>
      </c>
      <c r="O6" s="20">
        <f t="shared" si="3"/>
        <v>73.599999999999994</v>
      </c>
      <c r="P6" s="20">
        <f t="shared" si="3"/>
        <v>94.35</v>
      </c>
      <c r="Q6" s="20">
        <f t="shared" si="3"/>
        <v>87.43</v>
      </c>
      <c r="R6" s="20">
        <f t="shared" si="3"/>
        <v>2289</v>
      </c>
      <c r="S6" s="20">
        <f t="shared" si="3"/>
        <v>84376</v>
      </c>
      <c r="T6" s="20">
        <f t="shared" si="3"/>
        <v>22.14</v>
      </c>
      <c r="U6" s="20">
        <f t="shared" si="3"/>
        <v>3811.02</v>
      </c>
      <c r="V6" s="20">
        <f t="shared" si="3"/>
        <v>79481</v>
      </c>
      <c r="W6" s="20">
        <f t="shared" si="3"/>
        <v>11.02</v>
      </c>
      <c r="X6" s="20">
        <f t="shared" si="3"/>
        <v>7212.43</v>
      </c>
      <c r="Y6" s="21" t="str">
        <f>IF(Y7="",NA(),Y7)</f>
        <v>-</v>
      </c>
      <c r="Z6" s="21" t="str">
        <f t="shared" ref="Z6:AH6" si="4">IF(Z7="",NA(),Z7)</f>
        <v>-</v>
      </c>
      <c r="AA6" s="21">
        <f t="shared" si="4"/>
        <v>128.22999999999999</v>
      </c>
      <c r="AB6" s="21">
        <f t="shared" si="4"/>
        <v>128.27000000000001</v>
      </c>
      <c r="AC6" s="21">
        <f t="shared" si="4"/>
        <v>124.15</v>
      </c>
      <c r="AD6" s="21" t="str">
        <f t="shared" si="4"/>
        <v>-</v>
      </c>
      <c r="AE6" s="21" t="str">
        <f t="shared" si="4"/>
        <v>-</v>
      </c>
      <c r="AF6" s="21">
        <f t="shared" si="4"/>
        <v>106.67</v>
      </c>
      <c r="AG6" s="21">
        <f t="shared" si="4"/>
        <v>106.9</v>
      </c>
      <c r="AH6" s="21">
        <f t="shared" si="4"/>
        <v>106.74</v>
      </c>
      <c r="AI6" s="20" t="str">
        <f>IF(AI7="","",IF(AI7="-","【-】","【"&amp;SUBSTITUTE(TEXT(AI7,"#,##0.00"),"-","△")&amp;"】"))</f>
        <v>【106.11】</v>
      </c>
      <c r="AJ6" s="21" t="str">
        <f>IF(AJ7="",NA(),AJ7)</f>
        <v>-</v>
      </c>
      <c r="AK6" s="21" t="str">
        <f t="shared" ref="AK6:AS6" si="5">IF(AK7="",NA(),AK7)</f>
        <v>-</v>
      </c>
      <c r="AL6" s="20">
        <f t="shared" si="5"/>
        <v>0</v>
      </c>
      <c r="AM6" s="20">
        <f t="shared" si="5"/>
        <v>0</v>
      </c>
      <c r="AN6" s="20">
        <f t="shared" si="5"/>
        <v>0</v>
      </c>
      <c r="AO6" s="21" t="str">
        <f t="shared" si="5"/>
        <v>-</v>
      </c>
      <c r="AP6" s="21" t="str">
        <f t="shared" si="5"/>
        <v>-</v>
      </c>
      <c r="AQ6" s="21">
        <f t="shared" si="5"/>
        <v>3.68</v>
      </c>
      <c r="AR6" s="21">
        <f t="shared" si="5"/>
        <v>5.3</v>
      </c>
      <c r="AS6" s="21">
        <f t="shared" si="5"/>
        <v>6.49</v>
      </c>
      <c r="AT6" s="20" t="str">
        <f>IF(AT7="","",IF(AT7="-","【-】","【"&amp;SUBSTITUTE(TEXT(AT7,"#,##0.00"),"-","△")&amp;"】"))</f>
        <v>【3.15】</v>
      </c>
      <c r="AU6" s="21" t="str">
        <f>IF(AU7="",NA(),AU7)</f>
        <v>-</v>
      </c>
      <c r="AV6" s="21" t="str">
        <f t="shared" ref="AV6:BD6" si="6">IF(AV7="",NA(),AV7)</f>
        <v>-</v>
      </c>
      <c r="AW6" s="21">
        <f t="shared" si="6"/>
        <v>16</v>
      </c>
      <c r="AX6" s="21">
        <f t="shared" si="6"/>
        <v>26.16</v>
      </c>
      <c r="AY6" s="21">
        <f t="shared" si="6"/>
        <v>29.98</v>
      </c>
      <c r="AZ6" s="21" t="str">
        <f t="shared" si="6"/>
        <v>-</v>
      </c>
      <c r="BA6" s="21" t="str">
        <f t="shared" si="6"/>
        <v>-</v>
      </c>
      <c r="BB6" s="21">
        <f t="shared" si="6"/>
        <v>67.86</v>
      </c>
      <c r="BC6" s="21">
        <f t="shared" si="6"/>
        <v>72.92</v>
      </c>
      <c r="BD6" s="21">
        <f t="shared" si="6"/>
        <v>81.19</v>
      </c>
      <c r="BE6" s="20" t="str">
        <f>IF(BE7="","",IF(BE7="-","【-】","【"&amp;SUBSTITUTE(TEXT(BE7,"#,##0.00"),"-","△")&amp;"】"))</f>
        <v>【73.44】</v>
      </c>
      <c r="BF6" s="21" t="str">
        <f>IF(BF7="",NA(),BF7)</f>
        <v>-</v>
      </c>
      <c r="BG6" s="21" t="str">
        <f t="shared" ref="BG6:BO6" si="7">IF(BG7="",NA(),BG7)</f>
        <v>-</v>
      </c>
      <c r="BH6" s="21">
        <f t="shared" si="7"/>
        <v>680.84</v>
      </c>
      <c r="BI6" s="21">
        <f t="shared" si="7"/>
        <v>610.02</v>
      </c>
      <c r="BJ6" s="21">
        <f t="shared" si="7"/>
        <v>570.01</v>
      </c>
      <c r="BK6" s="21" t="str">
        <f t="shared" si="7"/>
        <v>-</v>
      </c>
      <c r="BL6" s="21" t="str">
        <f t="shared" si="7"/>
        <v>-</v>
      </c>
      <c r="BM6" s="21">
        <f t="shared" si="7"/>
        <v>709.4</v>
      </c>
      <c r="BN6" s="21">
        <f t="shared" si="7"/>
        <v>734.47</v>
      </c>
      <c r="BO6" s="21">
        <f t="shared" si="7"/>
        <v>720.89</v>
      </c>
      <c r="BP6" s="20" t="str">
        <f>IF(BP7="","",IF(BP7="-","【-】","【"&amp;SUBSTITUTE(TEXT(BP7,"#,##0.00"),"-","△")&amp;"】"))</f>
        <v>【652.82】</v>
      </c>
      <c r="BQ6" s="21" t="str">
        <f>IF(BQ7="",NA(),BQ7)</f>
        <v>-</v>
      </c>
      <c r="BR6" s="21" t="str">
        <f t="shared" ref="BR6:BZ6" si="8">IF(BR7="",NA(),BR7)</f>
        <v>-</v>
      </c>
      <c r="BS6" s="21">
        <f t="shared" si="8"/>
        <v>96.35</v>
      </c>
      <c r="BT6" s="21">
        <f t="shared" si="8"/>
        <v>97.23</v>
      </c>
      <c r="BU6" s="21">
        <f t="shared" si="8"/>
        <v>95.77</v>
      </c>
      <c r="BV6" s="21" t="str">
        <f t="shared" si="8"/>
        <v>-</v>
      </c>
      <c r="BW6" s="21" t="str">
        <f t="shared" si="8"/>
        <v>-</v>
      </c>
      <c r="BX6" s="21">
        <f t="shared" si="8"/>
        <v>91.14</v>
      </c>
      <c r="BY6" s="21">
        <f t="shared" si="8"/>
        <v>90.69</v>
      </c>
      <c r="BZ6" s="21">
        <f t="shared" si="8"/>
        <v>90.5</v>
      </c>
      <c r="CA6" s="20" t="str">
        <f>IF(CA7="","",IF(CA7="-","【-】","【"&amp;SUBSTITUTE(TEXT(CA7,"#,##0.00"),"-","△")&amp;"】"))</f>
        <v>【97.61】</v>
      </c>
      <c r="CB6" s="21" t="str">
        <f>IF(CB7="",NA(),CB7)</f>
        <v>-</v>
      </c>
      <c r="CC6" s="21" t="str">
        <f t="shared" ref="CC6:CK6" si="9">IF(CC7="",NA(),CC7)</f>
        <v>-</v>
      </c>
      <c r="CD6" s="21">
        <f t="shared" si="9"/>
        <v>136</v>
      </c>
      <c r="CE6" s="21">
        <f t="shared" si="9"/>
        <v>135.44</v>
      </c>
      <c r="CF6" s="21">
        <f t="shared" si="9"/>
        <v>137.24</v>
      </c>
      <c r="CG6" s="21" t="str">
        <f t="shared" si="9"/>
        <v>-</v>
      </c>
      <c r="CH6" s="21" t="str">
        <f t="shared" si="9"/>
        <v>-</v>
      </c>
      <c r="CI6" s="21">
        <f t="shared" si="9"/>
        <v>136.86000000000001</v>
      </c>
      <c r="CJ6" s="21">
        <f t="shared" si="9"/>
        <v>138.52000000000001</v>
      </c>
      <c r="CK6" s="21">
        <f t="shared" si="9"/>
        <v>138.66999999999999</v>
      </c>
      <c r="CL6" s="20" t="str">
        <f>IF(CL7="","",IF(CL7="-","【-】","【"&amp;SUBSTITUTE(TEXT(CL7,"#,##0.00"),"-","△")&amp;"】"))</f>
        <v>【138.29】</v>
      </c>
      <c r="CM6" s="21" t="str">
        <f>IF(CM7="",NA(),CM7)</f>
        <v>-</v>
      </c>
      <c r="CN6" s="21" t="str">
        <f t="shared" ref="CN6:CV6" si="10">IF(CN7="",NA(),CN7)</f>
        <v>-</v>
      </c>
      <c r="CO6" s="21">
        <f t="shared" si="10"/>
        <v>65.290000000000006</v>
      </c>
      <c r="CP6" s="21">
        <f t="shared" si="10"/>
        <v>64.489999999999995</v>
      </c>
      <c r="CQ6" s="21">
        <f t="shared" si="10"/>
        <v>62.17</v>
      </c>
      <c r="CR6" s="21" t="str">
        <f t="shared" si="10"/>
        <v>-</v>
      </c>
      <c r="CS6" s="21" t="str">
        <f t="shared" si="10"/>
        <v>-</v>
      </c>
      <c r="CT6" s="21">
        <f t="shared" si="10"/>
        <v>60.78</v>
      </c>
      <c r="CU6" s="21">
        <f t="shared" si="10"/>
        <v>59.96</v>
      </c>
      <c r="CV6" s="21">
        <f t="shared" si="10"/>
        <v>59.9</v>
      </c>
      <c r="CW6" s="20" t="str">
        <f>IF(CW7="","",IF(CW7="-","【-】","【"&amp;SUBSTITUTE(TEXT(CW7,"#,##0.00"),"-","△")&amp;"】"))</f>
        <v>【59.10】</v>
      </c>
      <c r="CX6" s="21" t="str">
        <f>IF(CX7="",NA(),CX7)</f>
        <v>-</v>
      </c>
      <c r="CY6" s="21" t="str">
        <f t="shared" ref="CY6:DG6" si="11">IF(CY7="",NA(),CY7)</f>
        <v>-</v>
      </c>
      <c r="CZ6" s="21">
        <f t="shared" si="11"/>
        <v>99.16</v>
      </c>
      <c r="DA6" s="21">
        <f t="shared" si="11"/>
        <v>99.19</v>
      </c>
      <c r="DB6" s="21">
        <f t="shared" si="11"/>
        <v>99.21</v>
      </c>
      <c r="DC6" s="21" t="str">
        <f t="shared" si="11"/>
        <v>-</v>
      </c>
      <c r="DD6" s="21" t="str">
        <f t="shared" si="11"/>
        <v>-</v>
      </c>
      <c r="DE6" s="21">
        <f t="shared" si="11"/>
        <v>94.17</v>
      </c>
      <c r="DF6" s="21">
        <f t="shared" si="11"/>
        <v>94.27</v>
      </c>
      <c r="DG6" s="21">
        <f t="shared" si="11"/>
        <v>94.46</v>
      </c>
      <c r="DH6" s="20" t="str">
        <f>IF(DH7="","",IF(DH7="-","【-】","【"&amp;SUBSTITUTE(TEXT(DH7,"#,##0.00"),"-","△")&amp;"】"))</f>
        <v>【95.82】</v>
      </c>
      <c r="DI6" s="21" t="str">
        <f>IF(DI7="",NA(),DI7)</f>
        <v>-</v>
      </c>
      <c r="DJ6" s="21" t="str">
        <f t="shared" ref="DJ6:DR6" si="12">IF(DJ7="",NA(),DJ7)</f>
        <v>-</v>
      </c>
      <c r="DK6" s="21">
        <f t="shared" si="12"/>
        <v>4.0999999999999996</v>
      </c>
      <c r="DL6" s="21">
        <f t="shared" si="12"/>
        <v>7.99</v>
      </c>
      <c r="DM6" s="21">
        <f t="shared" si="12"/>
        <v>11.69</v>
      </c>
      <c r="DN6" s="21" t="str">
        <f t="shared" si="12"/>
        <v>-</v>
      </c>
      <c r="DO6" s="21" t="str">
        <f t="shared" si="12"/>
        <v>-</v>
      </c>
      <c r="DP6" s="21">
        <f t="shared" si="12"/>
        <v>23.25</v>
      </c>
      <c r="DQ6" s="21">
        <f t="shared" si="12"/>
        <v>25.2</v>
      </c>
      <c r="DR6" s="21">
        <f t="shared" si="12"/>
        <v>27.42</v>
      </c>
      <c r="DS6" s="20" t="str">
        <f>IF(DS7="","",IF(DS7="-","【-】","【"&amp;SUBSTITUTE(TEXT(DS7,"#,##0.00"),"-","△")&amp;"】"))</f>
        <v>【39.74】</v>
      </c>
      <c r="DT6" s="21" t="str">
        <f>IF(DT7="",NA(),DT7)</f>
        <v>-</v>
      </c>
      <c r="DU6" s="21" t="str">
        <f t="shared" ref="DU6:EC6" si="13">IF(DU7="",NA(),DU7)</f>
        <v>-</v>
      </c>
      <c r="DV6" s="20">
        <f t="shared" si="13"/>
        <v>0</v>
      </c>
      <c r="DW6" s="20">
        <f t="shared" si="13"/>
        <v>0</v>
      </c>
      <c r="DX6" s="20">
        <f t="shared" si="13"/>
        <v>0</v>
      </c>
      <c r="DY6" s="21" t="str">
        <f t="shared" si="13"/>
        <v>-</v>
      </c>
      <c r="DZ6" s="21" t="str">
        <f t="shared" si="13"/>
        <v>-</v>
      </c>
      <c r="EA6" s="21">
        <f t="shared" si="13"/>
        <v>1.06</v>
      </c>
      <c r="EB6" s="21">
        <f t="shared" si="13"/>
        <v>2.02</v>
      </c>
      <c r="EC6" s="21">
        <f t="shared" si="13"/>
        <v>2.67</v>
      </c>
      <c r="ED6" s="20" t="str">
        <f>IF(ED7="","",IF(ED7="-","【-】","【"&amp;SUBSTITUTE(TEXT(ED7,"#,##0.00"),"-","△")&amp;"】"))</f>
        <v>【7.62】</v>
      </c>
      <c r="EE6" s="21" t="str">
        <f>IF(EE7="",NA(),EE7)</f>
        <v>-</v>
      </c>
      <c r="EF6" s="21" t="str">
        <f t="shared" ref="EF6:EN6" si="14">IF(EF7="",NA(),EF7)</f>
        <v>-</v>
      </c>
      <c r="EG6" s="20">
        <f t="shared" si="14"/>
        <v>0</v>
      </c>
      <c r="EH6" s="20">
        <f t="shared" si="14"/>
        <v>0</v>
      </c>
      <c r="EI6" s="20">
        <f t="shared" si="14"/>
        <v>0</v>
      </c>
      <c r="EJ6" s="21" t="str">
        <f t="shared" si="14"/>
        <v>-</v>
      </c>
      <c r="EK6" s="21" t="str">
        <f t="shared" si="14"/>
        <v>-</v>
      </c>
      <c r="EL6" s="21">
        <f t="shared" si="14"/>
        <v>0.08</v>
      </c>
      <c r="EM6" s="21">
        <f t="shared" si="14"/>
        <v>0.24</v>
      </c>
      <c r="EN6" s="21">
        <f t="shared" si="14"/>
        <v>0.14000000000000001</v>
      </c>
      <c r="EO6" s="20" t="str">
        <f>IF(EO7="","",IF(EO7="-","【-】","【"&amp;SUBSTITUTE(TEXT(EO7,"#,##0.00"),"-","△")&amp;"】"))</f>
        <v>【0.23】</v>
      </c>
    </row>
    <row r="7" spans="1:148" s="22" customFormat="1" x14ac:dyDescent="0.2">
      <c r="A7" s="14"/>
      <c r="B7" s="23">
        <v>2022</v>
      </c>
      <c r="C7" s="23">
        <v>142182</v>
      </c>
      <c r="D7" s="23">
        <v>46</v>
      </c>
      <c r="E7" s="23">
        <v>17</v>
      </c>
      <c r="F7" s="23">
        <v>1</v>
      </c>
      <c r="G7" s="23">
        <v>0</v>
      </c>
      <c r="H7" s="23" t="s">
        <v>96</v>
      </c>
      <c r="I7" s="23" t="s">
        <v>97</v>
      </c>
      <c r="J7" s="23" t="s">
        <v>98</v>
      </c>
      <c r="K7" s="23" t="s">
        <v>99</v>
      </c>
      <c r="L7" s="23" t="s">
        <v>100</v>
      </c>
      <c r="M7" s="23" t="s">
        <v>101</v>
      </c>
      <c r="N7" s="24" t="s">
        <v>102</v>
      </c>
      <c r="O7" s="24">
        <v>73.599999999999994</v>
      </c>
      <c r="P7" s="24">
        <v>94.35</v>
      </c>
      <c r="Q7" s="24">
        <v>87.43</v>
      </c>
      <c r="R7" s="24">
        <v>2289</v>
      </c>
      <c r="S7" s="24">
        <v>84376</v>
      </c>
      <c r="T7" s="24">
        <v>22.14</v>
      </c>
      <c r="U7" s="24">
        <v>3811.02</v>
      </c>
      <c r="V7" s="24">
        <v>79481</v>
      </c>
      <c r="W7" s="24">
        <v>11.02</v>
      </c>
      <c r="X7" s="24">
        <v>7212.43</v>
      </c>
      <c r="Y7" s="24" t="s">
        <v>102</v>
      </c>
      <c r="Z7" s="24" t="s">
        <v>102</v>
      </c>
      <c r="AA7" s="24">
        <v>128.22999999999999</v>
      </c>
      <c r="AB7" s="24">
        <v>128.27000000000001</v>
      </c>
      <c r="AC7" s="24">
        <v>124.15</v>
      </c>
      <c r="AD7" s="24" t="s">
        <v>102</v>
      </c>
      <c r="AE7" s="24" t="s">
        <v>102</v>
      </c>
      <c r="AF7" s="24">
        <v>106.67</v>
      </c>
      <c r="AG7" s="24">
        <v>106.9</v>
      </c>
      <c r="AH7" s="24">
        <v>106.74</v>
      </c>
      <c r="AI7" s="24">
        <v>106.11</v>
      </c>
      <c r="AJ7" s="24" t="s">
        <v>102</v>
      </c>
      <c r="AK7" s="24" t="s">
        <v>102</v>
      </c>
      <c r="AL7" s="24">
        <v>0</v>
      </c>
      <c r="AM7" s="24">
        <v>0</v>
      </c>
      <c r="AN7" s="24">
        <v>0</v>
      </c>
      <c r="AO7" s="24" t="s">
        <v>102</v>
      </c>
      <c r="AP7" s="24" t="s">
        <v>102</v>
      </c>
      <c r="AQ7" s="24">
        <v>3.68</v>
      </c>
      <c r="AR7" s="24">
        <v>5.3</v>
      </c>
      <c r="AS7" s="24">
        <v>6.49</v>
      </c>
      <c r="AT7" s="24">
        <v>3.15</v>
      </c>
      <c r="AU7" s="24" t="s">
        <v>102</v>
      </c>
      <c r="AV7" s="24" t="s">
        <v>102</v>
      </c>
      <c r="AW7" s="24">
        <v>16</v>
      </c>
      <c r="AX7" s="24">
        <v>26.16</v>
      </c>
      <c r="AY7" s="24">
        <v>29.98</v>
      </c>
      <c r="AZ7" s="24" t="s">
        <v>102</v>
      </c>
      <c r="BA7" s="24" t="s">
        <v>102</v>
      </c>
      <c r="BB7" s="24">
        <v>67.86</v>
      </c>
      <c r="BC7" s="24">
        <v>72.92</v>
      </c>
      <c r="BD7" s="24">
        <v>81.19</v>
      </c>
      <c r="BE7" s="24">
        <v>73.44</v>
      </c>
      <c r="BF7" s="24" t="s">
        <v>102</v>
      </c>
      <c r="BG7" s="24" t="s">
        <v>102</v>
      </c>
      <c r="BH7" s="24">
        <v>680.84</v>
      </c>
      <c r="BI7" s="24">
        <v>610.02</v>
      </c>
      <c r="BJ7" s="24">
        <v>570.01</v>
      </c>
      <c r="BK7" s="24" t="s">
        <v>102</v>
      </c>
      <c r="BL7" s="24" t="s">
        <v>102</v>
      </c>
      <c r="BM7" s="24">
        <v>709.4</v>
      </c>
      <c r="BN7" s="24">
        <v>734.47</v>
      </c>
      <c r="BO7" s="24">
        <v>720.89</v>
      </c>
      <c r="BP7" s="24">
        <v>652.82000000000005</v>
      </c>
      <c r="BQ7" s="24" t="s">
        <v>102</v>
      </c>
      <c r="BR7" s="24" t="s">
        <v>102</v>
      </c>
      <c r="BS7" s="24">
        <v>96.35</v>
      </c>
      <c r="BT7" s="24">
        <v>97.23</v>
      </c>
      <c r="BU7" s="24">
        <v>95.77</v>
      </c>
      <c r="BV7" s="24" t="s">
        <v>102</v>
      </c>
      <c r="BW7" s="24" t="s">
        <v>102</v>
      </c>
      <c r="BX7" s="24">
        <v>91.14</v>
      </c>
      <c r="BY7" s="24">
        <v>90.69</v>
      </c>
      <c r="BZ7" s="24">
        <v>90.5</v>
      </c>
      <c r="CA7" s="24">
        <v>97.61</v>
      </c>
      <c r="CB7" s="24" t="s">
        <v>102</v>
      </c>
      <c r="CC7" s="24" t="s">
        <v>102</v>
      </c>
      <c r="CD7" s="24">
        <v>136</v>
      </c>
      <c r="CE7" s="24">
        <v>135.44</v>
      </c>
      <c r="CF7" s="24">
        <v>137.24</v>
      </c>
      <c r="CG7" s="24" t="s">
        <v>102</v>
      </c>
      <c r="CH7" s="24" t="s">
        <v>102</v>
      </c>
      <c r="CI7" s="24">
        <v>136.86000000000001</v>
      </c>
      <c r="CJ7" s="24">
        <v>138.52000000000001</v>
      </c>
      <c r="CK7" s="24">
        <v>138.66999999999999</v>
      </c>
      <c r="CL7" s="24">
        <v>138.29</v>
      </c>
      <c r="CM7" s="24" t="s">
        <v>102</v>
      </c>
      <c r="CN7" s="24" t="s">
        <v>102</v>
      </c>
      <c r="CO7" s="24">
        <v>65.290000000000006</v>
      </c>
      <c r="CP7" s="24">
        <v>64.489999999999995</v>
      </c>
      <c r="CQ7" s="24">
        <v>62.17</v>
      </c>
      <c r="CR7" s="24" t="s">
        <v>102</v>
      </c>
      <c r="CS7" s="24" t="s">
        <v>102</v>
      </c>
      <c r="CT7" s="24">
        <v>60.78</v>
      </c>
      <c r="CU7" s="24">
        <v>59.96</v>
      </c>
      <c r="CV7" s="24">
        <v>59.9</v>
      </c>
      <c r="CW7" s="24">
        <v>59.1</v>
      </c>
      <c r="CX7" s="24" t="s">
        <v>102</v>
      </c>
      <c r="CY7" s="24" t="s">
        <v>102</v>
      </c>
      <c r="CZ7" s="24">
        <v>99.16</v>
      </c>
      <c r="DA7" s="24">
        <v>99.19</v>
      </c>
      <c r="DB7" s="24">
        <v>99.21</v>
      </c>
      <c r="DC7" s="24" t="s">
        <v>102</v>
      </c>
      <c r="DD7" s="24" t="s">
        <v>102</v>
      </c>
      <c r="DE7" s="24">
        <v>94.17</v>
      </c>
      <c r="DF7" s="24">
        <v>94.27</v>
      </c>
      <c r="DG7" s="24">
        <v>94.46</v>
      </c>
      <c r="DH7" s="24">
        <v>95.82</v>
      </c>
      <c r="DI7" s="24" t="s">
        <v>102</v>
      </c>
      <c r="DJ7" s="24" t="s">
        <v>102</v>
      </c>
      <c r="DK7" s="24">
        <v>4.0999999999999996</v>
      </c>
      <c r="DL7" s="24">
        <v>7.99</v>
      </c>
      <c r="DM7" s="24">
        <v>11.69</v>
      </c>
      <c r="DN7" s="24" t="s">
        <v>102</v>
      </c>
      <c r="DO7" s="24" t="s">
        <v>102</v>
      </c>
      <c r="DP7" s="24">
        <v>23.25</v>
      </c>
      <c r="DQ7" s="24">
        <v>25.2</v>
      </c>
      <c r="DR7" s="24">
        <v>27.42</v>
      </c>
      <c r="DS7" s="24">
        <v>39.74</v>
      </c>
      <c r="DT7" s="24" t="s">
        <v>102</v>
      </c>
      <c r="DU7" s="24" t="s">
        <v>102</v>
      </c>
      <c r="DV7" s="24">
        <v>0</v>
      </c>
      <c r="DW7" s="24">
        <v>0</v>
      </c>
      <c r="DX7" s="24">
        <v>0</v>
      </c>
      <c r="DY7" s="24" t="s">
        <v>102</v>
      </c>
      <c r="DZ7" s="24" t="s">
        <v>102</v>
      </c>
      <c r="EA7" s="24">
        <v>1.06</v>
      </c>
      <c r="EB7" s="24">
        <v>2.02</v>
      </c>
      <c r="EC7" s="24">
        <v>2.67</v>
      </c>
      <c r="ED7" s="24">
        <v>7.62</v>
      </c>
      <c r="EE7" s="24" t="s">
        <v>102</v>
      </c>
      <c r="EF7" s="24" t="s">
        <v>102</v>
      </c>
      <c r="EG7" s="24">
        <v>0</v>
      </c>
      <c r="EH7" s="24">
        <v>0</v>
      </c>
      <c r="EI7" s="24">
        <v>0</v>
      </c>
      <c r="EJ7" s="24" t="s">
        <v>102</v>
      </c>
      <c r="EK7" s="24" t="s">
        <v>102</v>
      </c>
      <c r="EL7" s="24">
        <v>0.08</v>
      </c>
      <c r="EM7" s="24">
        <v>0.24</v>
      </c>
      <c r="EN7" s="24">
        <v>0.1400000000000000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2</v>
      </c>
      <c r="E13" t="s">
        <v>112</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12T00:45:42Z</dcterms:created>
  <dcterms:modified xsi:type="dcterms:W3CDTF">2024-02-27T02:58:02Z</dcterms:modified>
  <cp:category/>
</cp:coreProperties>
</file>